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5" d="100"/>
          <a:sy n="75" d="100"/>
        </p:scale>
        <p:origin x="432" y="52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3" d="2"/>
        <a:sy n="3" d="2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2/22/202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image" Target="../media/image3.emf"/><Relationship Id="rId5" Type="http://schemas.openxmlformats.org/officeDocument/2006/relationships/image" Target="../media/image2.emf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94D0F36D-0483-6E7E-1ABA-34740A6D1D57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559558" y="5734042"/>
            <a:ext cx="4343400" cy="1089660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D621EC69-5AB4-BBD4-769C-E2FFCDB48B7D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795528" y="5610557"/>
            <a:ext cx="3733800" cy="1188720"/>
          </a:xfrm>
          <a:prstGeom prst="rect">
            <a:avLst/>
          </a:prstGeom>
        </p:spPr>
      </p:pic>
      <p:graphicFrame>
        <p:nvGraphicFramePr>
          <p:cNvPr id="26" name="Table 25">
            <a:extLst>
              <a:ext uri="{FF2B5EF4-FFF2-40B4-BE49-F238E27FC236}">
                <a16:creationId xmlns:a16="http://schemas.microsoft.com/office/drawing/2014/main" id="{2159C7AE-D8D3-5AC8-58CF-BCA2406AF69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31015715"/>
              </p:ext>
            </p:extLst>
          </p:nvPr>
        </p:nvGraphicFramePr>
        <p:xfrm>
          <a:off x="785680" y="1574801"/>
          <a:ext cx="9107489" cy="3732519"/>
        </p:xfrm>
        <a:graphic>
          <a:graphicData uri="http://schemas.openxmlformats.org/drawingml/2006/table">
            <a:tbl>
              <a:tblPr/>
              <a:tblGrid>
                <a:gridCol w="494889">
                  <a:extLst>
                    <a:ext uri="{9D8B030D-6E8A-4147-A177-3AD203B41FA5}">
                      <a16:colId xmlns:a16="http://schemas.microsoft.com/office/drawing/2014/main" val="613730502"/>
                    </a:ext>
                  </a:extLst>
                </a:gridCol>
                <a:gridCol w="623407">
                  <a:extLst>
                    <a:ext uri="{9D8B030D-6E8A-4147-A177-3AD203B41FA5}">
                      <a16:colId xmlns:a16="http://schemas.microsoft.com/office/drawing/2014/main" val="485527956"/>
                    </a:ext>
                  </a:extLst>
                </a:gridCol>
                <a:gridCol w="623407">
                  <a:extLst>
                    <a:ext uri="{9D8B030D-6E8A-4147-A177-3AD203B41FA5}">
                      <a16:colId xmlns:a16="http://schemas.microsoft.com/office/drawing/2014/main" val="3771471190"/>
                    </a:ext>
                  </a:extLst>
                </a:gridCol>
                <a:gridCol w="469952">
                  <a:extLst>
                    <a:ext uri="{9D8B030D-6E8A-4147-A177-3AD203B41FA5}">
                      <a16:colId xmlns:a16="http://schemas.microsoft.com/office/drawing/2014/main" val="3627584562"/>
                    </a:ext>
                  </a:extLst>
                </a:gridCol>
                <a:gridCol w="469952">
                  <a:extLst>
                    <a:ext uri="{9D8B030D-6E8A-4147-A177-3AD203B41FA5}">
                      <a16:colId xmlns:a16="http://schemas.microsoft.com/office/drawing/2014/main" val="488328962"/>
                    </a:ext>
                  </a:extLst>
                </a:gridCol>
                <a:gridCol w="38364">
                  <a:extLst>
                    <a:ext uri="{9D8B030D-6E8A-4147-A177-3AD203B41FA5}">
                      <a16:colId xmlns:a16="http://schemas.microsoft.com/office/drawing/2014/main" val="2801814554"/>
                    </a:ext>
                  </a:extLst>
                </a:gridCol>
                <a:gridCol w="537089">
                  <a:extLst>
                    <a:ext uri="{9D8B030D-6E8A-4147-A177-3AD203B41FA5}">
                      <a16:colId xmlns:a16="http://schemas.microsoft.com/office/drawing/2014/main" val="1314685605"/>
                    </a:ext>
                  </a:extLst>
                </a:gridCol>
                <a:gridCol w="441180">
                  <a:extLst>
                    <a:ext uri="{9D8B030D-6E8A-4147-A177-3AD203B41FA5}">
                      <a16:colId xmlns:a16="http://schemas.microsoft.com/office/drawing/2014/main" val="65105742"/>
                    </a:ext>
                  </a:extLst>
                </a:gridCol>
                <a:gridCol w="383634">
                  <a:extLst>
                    <a:ext uri="{9D8B030D-6E8A-4147-A177-3AD203B41FA5}">
                      <a16:colId xmlns:a16="http://schemas.microsoft.com/office/drawing/2014/main" val="2412028735"/>
                    </a:ext>
                  </a:extLst>
                </a:gridCol>
                <a:gridCol w="537089">
                  <a:extLst>
                    <a:ext uri="{9D8B030D-6E8A-4147-A177-3AD203B41FA5}">
                      <a16:colId xmlns:a16="http://schemas.microsoft.com/office/drawing/2014/main" val="2217344432"/>
                    </a:ext>
                  </a:extLst>
                </a:gridCol>
                <a:gridCol w="537089">
                  <a:extLst>
                    <a:ext uri="{9D8B030D-6E8A-4147-A177-3AD203B41FA5}">
                      <a16:colId xmlns:a16="http://schemas.microsoft.com/office/drawing/2014/main" val="273478944"/>
                    </a:ext>
                  </a:extLst>
                </a:gridCol>
                <a:gridCol w="508316">
                  <a:extLst>
                    <a:ext uri="{9D8B030D-6E8A-4147-A177-3AD203B41FA5}">
                      <a16:colId xmlns:a16="http://schemas.microsoft.com/office/drawing/2014/main" val="1915734998"/>
                    </a:ext>
                  </a:extLst>
                </a:gridCol>
                <a:gridCol w="460362">
                  <a:extLst>
                    <a:ext uri="{9D8B030D-6E8A-4147-A177-3AD203B41FA5}">
                      <a16:colId xmlns:a16="http://schemas.microsoft.com/office/drawing/2014/main" val="3227688708"/>
                    </a:ext>
                  </a:extLst>
                </a:gridCol>
                <a:gridCol w="556270">
                  <a:extLst>
                    <a:ext uri="{9D8B030D-6E8A-4147-A177-3AD203B41FA5}">
                      <a16:colId xmlns:a16="http://schemas.microsoft.com/office/drawing/2014/main" val="198140274"/>
                    </a:ext>
                  </a:extLst>
                </a:gridCol>
                <a:gridCol w="652179">
                  <a:extLst>
                    <a:ext uri="{9D8B030D-6E8A-4147-A177-3AD203B41FA5}">
                      <a16:colId xmlns:a16="http://schemas.microsoft.com/office/drawing/2014/main" val="1793848105"/>
                    </a:ext>
                  </a:extLst>
                </a:gridCol>
                <a:gridCol w="652179">
                  <a:extLst>
                    <a:ext uri="{9D8B030D-6E8A-4147-A177-3AD203B41FA5}">
                      <a16:colId xmlns:a16="http://schemas.microsoft.com/office/drawing/2014/main" val="2474546634"/>
                    </a:ext>
                  </a:extLst>
                </a:gridCol>
                <a:gridCol w="652179">
                  <a:extLst>
                    <a:ext uri="{9D8B030D-6E8A-4147-A177-3AD203B41FA5}">
                      <a16:colId xmlns:a16="http://schemas.microsoft.com/office/drawing/2014/main" val="3071961590"/>
                    </a:ext>
                  </a:extLst>
                </a:gridCol>
                <a:gridCol w="469952">
                  <a:extLst>
                    <a:ext uri="{9D8B030D-6E8A-4147-A177-3AD203B41FA5}">
                      <a16:colId xmlns:a16="http://schemas.microsoft.com/office/drawing/2014/main" val="816396271"/>
                    </a:ext>
                  </a:extLst>
                </a:gridCol>
              </a:tblGrid>
              <a:tr h="132712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80771043"/>
                  </a:ext>
                </a:extLst>
              </a:tr>
              <a:tr h="221187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4965333"/>
                  </a:ext>
                </a:extLst>
              </a:tr>
              <a:tr h="121652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9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2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50104385"/>
                  </a:ext>
                </a:extLst>
              </a:tr>
              <a:tr h="121652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0743015"/>
                  </a:ext>
                </a:extLst>
              </a:tr>
              <a:tr h="11059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5875447"/>
                  </a:ext>
                </a:extLst>
              </a:tr>
              <a:tr h="121652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39822426"/>
                  </a:ext>
                </a:extLst>
              </a:tr>
              <a:tr h="138241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337851336"/>
                  </a:ext>
                </a:extLst>
              </a:tr>
              <a:tr h="11059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68967921"/>
                  </a:ext>
                </a:extLst>
              </a:tr>
              <a:tr h="221187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204476886"/>
                  </a:ext>
                </a:extLst>
              </a:tr>
              <a:tr h="11059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2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0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10464689"/>
                  </a:ext>
                </a:extLst>
              </a:tr>
              <a:tr h="132712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0001231"/>
                  </a:ext>
                </a:extLst>
              </a:tr>
              <a:tr h="143771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283259865"/>
                  </a:ext>
                </a:extLst>
              </a:tr>
              <a:tr h="221187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089210078"/>
                  </a:ext>
                </a:extLst>
              </a:tr>
              <a:tr h="121652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080035842"/>
                  </a:ext>
                </a:extLst>
              </a:tr>
              <a:tr h="143771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876239927"/>
                  </a:ext>
                </a:extLst>
              </a:tr>
              <a:tr h="221187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87568904"/>
                  </a:ext>
                </a:extLst>
              </a:tr>
              <a:tr h="116122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76086623"/>
                  </a:ext>
                </a:extLst>
              </a:tr>
              <a:tr h="13824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48340836"/>
                  </a:ext>
                </a:extLst>
              </a:tr>
              <a:tr h="221187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07452145"/>
                  </a:ext>
                </a:extLst>
              </a:tr>
              <a:tr h="121652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22296221"/>
                  </a:ext>
                </a:extLst>
              </a:tr>
              <a:tr h="221187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1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77351301"/>
                  </a:ext>
                </a:extLst>
              </a:tr>
              <a:tr h="132712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95438936"/>
                  </a:ext>
                </a:extLst>
              </a:tr>
              <a:tr h="121652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032456372"/>
                  </a:ext>
                </a:extLst>
              </a:tr>
              <a:tr h="132712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71750189"/>
                  </a:ext>
                </a:extLst>
              </a:tr>
              <a:tr h="132712">
                <a:tc gridSpan="3"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7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1303708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34</TotalTime>
  <Words>612</Words>
  <Application>Microsoft Office PowerPoint</Application>
  <PresentationFormat>Custom</PresentationFormat>
  <Paragraphs>322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Patel, Sheersh</cp:lastModifiedBy>
  <cp:revision>866</cp:revision>
  <cp:lastPrinted>2020-01-28T09:55:08Z</cp:lastPrinted>
  <dcterms:created xsi:type="dcterms:W3CDTF">2015-06-19T14:55:37Z</dcterms:created>
  <dcterms:modified xsi:type="dcterms:W3CDTF">2025-02-22T04:59:58Z</dcterms:modified>
</cp:coreProperties>
</file>